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7425"/>
  <workbookPr/>
  <mc:AlternateContent xmlns:mc="http://schemas.openxmlformats.org/markup-compatibility/2006">
    <mc:Choice Requires="x15">
      <x15ac:absPath xmlns:x15ac="http://schemas.microsoft.com/office/spreadsheetml/2010/11/ac" url="C:\Users\Kelvin and Sarah\Downloads\"/>
    </mc:Choice>
  </mc:AlternateContent>
  <xr:revisionPtr revIDLastSave="0" documentId="8_{E17EE6D8-55A8-4B86-8D10-546E02DA55B5}" xr6:coauthVersionLast="47" xr6:coauthVersionMax="47" xr10:uidLastSave="{00000000-0000-0000-0000-000000000000}"/>
  <bookViews>
    <workbookView xWindow="-110" yWindow="-110" windowWidth="19420" windowHeight="10420" xr2:uid="{00000000-000D-0000-FFFF-FFFF00000000}"/>
  </bookViews>
  <sheets>
    <sheet name="Summary" sheetId="2" r:id="rId1"/>
  </sheets>
  <definedNames>
    <definedName name="_xlnm.Print_Area" localSheetId="0">Summary!$A$2:$M$64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87" uniqueCount="76">
  <si>
    <t>April</t>
  </si>
  <si>
    <t>May</t>
  </si>
  <si>
    <t>June</t>
  </si>
  <si>
    <t>July</t>
  </si>
  <si>
    <t>August</t>
  </si>
  <si>
    <t>September</t>
  </si>
  <si>
    <t>October</t>
  </si>
  <si>
    <t>Micro Spring Regatta</t>
  </si>
  <si>
    <t>Micro Worlds</t>
  </si>
  <si>
    <t>21 Mile Race</t>
  </si>
  <si>
    <t xml:space="preserve">Stour Sailing Club </t>
  </si>
  <si>
    <t>Titchmarsh crusise</t>
  </si>
  <si>
    <t>Saturday</t>
  </si>
  <si>
    <t>Sunday</t>
  </si>
  <si>
    <t>Friday</t>
  </si>
  <si>
    <t>Thursday</t>
  </si>
  <si>
    <t>Tuesday</t>
  </si>
  <si>
    <t>Wednesday</t>
  </si>
  <si>
    <t>Racing</t>
  </si>
  <si>
    <t>Haven Offshore race 1 - Oostende</t>
  </si>
  <si>
    <t>Haven Offshore race 2 - Cork Sands</t>
  </si>
  <si>
    <t>Haven Offshore race 2 - Burnham</t>
  </si>
  <si>
    <t>Haven Offshore race 2 - Lowestoft</t>
  </si>
  <si>
    <t>Start time</t>
  </si>
  <si>
    <t>Manningtree Regatta</t>
  </si>
  <si>
    <t>Monday</t>
  </si>
  <si>
    <t>Mon - Fri</t>
  </si>
  <si>
    <t>Wed - Fri</t>
  </si>
  <si>
    <t>22 - 23</t>
  </si>
  <si>
    <t>Thur - Fri</t>
  </si>
  <si>
    <t>Wed - Thur</t>
  </si>
  <si>
    <t>Evening Series race 2</t>
  </si>
  <si>
    <t>Evening Series race 1</t>
  </si>
  <si>
    <t>Evening Series race 3</t>
  </si>
  <si>
    <t>Evening Series race 4</t>
  </si>
  <si>
    <t>Evening Series race 5</t>
  </si>
  <si>
    <t>Evening Series race 6</t>
  </si>
  <si>
    <t>Evening Series race 7</t>
  </si>
  <si>
    <t>Evening Series race 8</t>
  </si>
  <si>
    <t>Evening Series race 9</t>
  </si>
  <si>
    <t>18 - 24</t>
  </si>
  <si>
    <t>Sun - Sat</t>
  </si>
  <si>
    <t>High tide (approx)</t>
  </si>
  <si>
    <t>Raft Up - Hamford Water</t>
  </si>
  <si>
    <t>School</t>
  </si>
  <si>
    <t>RYA Onboard</t>
  </si>
  <si>
    <t>RYA</t>
  </si>
  <si>
    <t>RYA Onbaord</t>
  </si>
  <si>
    <t>TBC</t>
  </si>
  <si>
    <t xml:space="preserve">2024 Sailing calendar </t>
  </si>
  <si>
    <t>MyBluePass @ SSC</t>
  </si>
  <si>
    <t>-</t>
  </si>
  <si>
    <t>Crusing in company</t>
  </si>
  <si>
    <t>Shakedown cruise - Ipswich via Suffolk Yacht Harbour</t>
  </si>
  <si>
    <t>Ferryboat Inn - N Fambridge via Titchmarsh and Burnham</t>
  </si>
  <si>
    <t>Blackwater cruise - Heybridge Basin via Bradwell</t>
  </si>
  <si>
    <t>Midweek cruise - Ipswich via Suffolk Yacht Harbour</t>
  </si>
  <si>
    <t>5 - 9</t>
  </si>
  <si>
    <t>5 - 7</t>
  </si>
  <si>
    <t>20 - 21</t>
  </si>
  <si>
    <t>3 - 5</t>
  </si>
  <si>
    <t>18 - 19</t>
  </si>
  <si>
    <t>Haven Combined Clubs Series race 1</t>
  </si>
  <si>
    <t>Felixstowe Regatta - Haven Combined Clubs Series race 2</t>
  </si>
  <si>
    <t>Felixstowe Regatta - Haven Combined Clubs Series race 3</t>
  </si>
  <si>
    <t>Haven Combined Clubs Series race 4</t>
  </si>
  <si>
    <t>Haven Combined Clubs Series race 5</t>
  </si>
  <si>
    <t>Haven Combined Clubs Series race 6</t>
  </si>
  <si>
    <t>Haven Combined Clubs Series race 7</t>
  </si>
  <si>
    <t>Haven Combined Clubs Series race 8</t>
  </si>
  <si>
    <t>Essex vs Suffolk Micro Championships</t>
  </si>
  <si>
    <t>Weekend Series - May race</t>
  </si>
  <si>
    <t>Weekend Series - June race</t>
  </si>
  <si>
    <t>Weekend Series - July race</t>
  </si>
  <si>
    <t>Weekend Series - August race</t>
  </si>
  <si>
    <t>President's Cup / Weekend Series - September rac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7">
    <font>
      <sz val="11"/>
      <color theme="1"/>
      <name val="Calibri"/>
      <family val="2"/>
      <scheme val="minor"/>
    </font>
    <font>
      <sz val="8"/>
      <name val="Calibri"/>
      <family val="2"/>
      <scheme val="minor"/>
    </font>
    <font>
      <sz val="9"/>
      <color theme="1"/>
      <name val="Monterrat"/>
    </font>
    <font>
      <b/>
      <sz val="9"/>
      <color theme="1"/>
      <name val="Monterrat"/>
    </font>
    <font>
      <b/>
      <sz val="9"/>
      <color theme="0"/>
      <name val="Monterrat"/>
    </font>
    <font>
      <b/>
      <sz val="9"/>
      <name val="Monterrat"/>
    </font>
    <font>
      <sz val="9"/>
      <name val="Monterrat"/>
    </font>
  </fonts>
  <fills count="7">
    <fill>
      <patternFill patternType="none"/>
    </fill>
    <fill>
      <patternFill patternType="gray125"/>
    </fill>
    <fill>
      <patternFill patternType="solid">
        <fgColor theme="0" tint="-4.9989318521683403E-2"/>
        <bgColor indexed="64"/>
      </patternFill>
    </fill>
    <fill>
      <patternFill patternType="solid">
        <fgColor theme="1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7"/>
        <bgColor indexed="64"/>
      </patternFill>
    </fill>
    <fill>
      <patternFill patternType="solid">
        <fgColor theme="4"/>
        <bgColor indexed="64"/>
      </patternFill>
    </fill>
  </fills>
  <borders count="2">
    <border>
      <left/>
      <right/>
      <top/>
      <bottom/>
      <diagonal/>
    </border>
    <border>
      <left style="thin">
        <color theme="0"/>
      </left>
      <right style="thin">
        <color theme="0"/>
      </right>
      <top style="thin">
        <color theme="0"/>
      </top>
      <bottom style="thin">
        <color theme="0"/>
      </bottom>
      <diagonal/>
    </border>
  </borders>
  <cellStyleXfs count="1">
    <xf numFmtId="0" fontId="0" fillId="0" borderId="0"/>
  </cellStyleXfs>
  <cellXfs count="24">
    <xf numFmtId="0" fontId="0" fillId="0" borderId="0" xfId="0"/>
    <xf numFmtId="0" fontId="2" fillId="0" borderId="1" xfId="0" applyFont="1" applyBorder="1"/>
    <xf numFmtId="0" fontId="2" fillId="0" borderId="1" xfId="0" applyFont="1" applyBorder="1" applyAlignment="1">
      <alignment horizontal="center" vertical="center"/>
    </xf>
    <xf numFmtId="0" fontId="2" fillId="0" borderId="1" xfId="0" applyFont="1" applyBorder="1" applyAlignment="1">
      <alignment horizontal="center"/>
    </xf>
    <xf numFmtId="0" fontId="2" fillId="0" borderId="1" xfId="0" applyFont="1" applyBorder="1" applyAlignment="1">
      <alignment vertical="center"/>
    </xf>
    <xf numFmtId="0" fontId="4" fillId="3" borderId="1" xfId="0" applyFont="1" applyFill="1" applyBorder="1" applyAlignment="1">
      <alignment horizontal="center" vertical="center" wrapText="1"/>
    </xf>
    <xf numFmtId="0" fontId="5" fillId="6" borderId="1" xfId="0" applyFont="1" applyFill="1" applyBorder="1" applyAlignment="1">
      <alignment vertical="center"/>
    </xf>
    <xf numFmtId="0" fontId="5" fillId="6" borderId="1" xfId="0" applyFont="1" applyFill="1" applyBorder="1" applyAlignment="1">
      <alignment horizontal="center" vertical="center"/>
    </xf>
    <xf numFmtId="0" fontId="5" fillId="0" borderId="1" xfId="0" applyFont="1" applyBorder="1" applyAlignment="1">
      <alignment horizontal="center" vertical="center"/>
    </xf>
    <xf numFmtId="0" fontId="5" fillId="5" borderId="1" xfId="0" applyFont="1" applyFill="1" applyBorder="1" applyAlignment="1">
      <alignment vertical="center"/>
    </xf>
    <xf numFmtId="0" fontId="5" fillId="4" borderId="1" xfId="0" applyFont="1" applyFill="1" applyBorder="1" applyAlignment="1">
      <alignment horizontal="center" vertical="center"/>
    </xf>
    <xf numFmtId="0" fontId="4" fillId="3" borderId="1" xfId="0" applyFont="1" applyFill="1" applyBorder="1" applyAlignment="1">
      <alignment horizontal="center" vertical="center"/>
    </xf>
    <xf numFmtId="20" fontId="6" fillId="2" borderId="1" xfId="0" applyNumberFormat="1" applyFont="1" applyFill="1" applyBorder="1" applyAlignment="1">
      <alignment horizontal="center" vertical="center"/>
    </xf>
    <xf numFmtId="0" fontId="2" fillId="2" borderId="1" xfId="0" applyFont="1" applyFill="1" applyBorder="1" applyAlignment="1">
      <alignment vertical="center"/>
    </xf>
    <xf numFmtId="0" fontId="2" fillId="2" borderId="1" xfId="0" applyFont="1" applyFill="1" applyBorder="1" applyAlignment="1">
      <alignment horizontal="center" vertical="center"/>
    </xf>
    <xf numFmtId="0" fontId="6" fillId="2" borderId="1" xfId="0" applyFont="1" applyFill="1" applyBorder="1" applyAlignment="1">
      <alignment horizontal="center" vertical="center"/>
    </xf>
    <xf numFmtId="20" fontId="2" fillId="2" borderId="1" xfId="0" applyNumberFormat="1" applyFont="1" applyFill="1" applyBorder="1" applyAlignment="1">
      <alignment horizontal="center" vertical="center"/>
    </xf>
    <xf numFmtId="2" fontId="4" fillId="3" borderId="1" xfId="0" applyNumberFormat="1" applyFont="1" applyFill="1" applyBorder="1" applyAlignment="1">
      <alignment horizontal="center" vertical="center"/>
    </xf>
    <xf numFmtId="1" fontId="4" fillId="3" borderId="1" xfId="0" applyNumberFormat="1" applyFont="1" applyFill="1" applyBorder="1" applyAlignment="1">
      <alignment horizontal="center" vertical="center"/>
    </xf>
    <xf numFmtId="0" fontId="6" fillId="0" borderId="1" xfId="0" applyFont="1" applyBorder="1" applyAlignment="1">
      <alignment horizontal="center" vertical="center"/>
    </xf>
    <xf numFmtId="0" fontId="2" fillId="2" borderId="1" xfId="0" applyFont="1" applyFill="1" applyBorder="1" applyAlignment="1">
      <alignment horizontal="left" vertical="center"/>
    </xf>
    <xf numFmtId="0" fontId="6" fillId="2" borderId="1" xfId="0" applyFont="1" applyFill="1" applyBorder="1" applyAlignment="1">
      <alignment horizontal="left" vertical="center"/>
    </xf>
    <xf numFmtId="0" fontId="3" fillId="0" borderId="1" xfId="0" applyFont="1" applyBorder="1" applyAlignment="1">
      <alignment horizontal="left"/>
    </xf>
    <xf numFmtId="0" fontId="4" fillId="3" borderId="1" xfId="0" applyFont="1" applyFill="1" applyBorder="1" applyAlignment="1">
      <alignment horizontal="center" vertical="center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CE8E4F6-1338-4B98-90AD-85EE0D27C106}">
  <sheetPr>
    <pageSetUpPr fitToPage="1"/>
  </sheetPr>
  <dimension ref="A1:M64"/>
  <sheetViews>
    <sheetView showRowColHeaders="0" tabSelected="1" view="pageBreakPreview" topLeftCell="D1" zoomScaleNormal="100" zoomScaleSheetLayoutView="100" workbookViewId="0">
      <selection activeCell="F10" sqref="F10"/>
    </sheetView>
  </sheetViews>
  <sheetFormatPr defaultRowHeight="11.5"/>
  <cols>
    <col min="1" max="1" width="3.36328125" style="1" customWidth="1"/>
    <col min="2" max="3" width="11.08984375" style="2" customWidth="1"/>
    <col min="4" max="4" width="17" style="2" customWidth="1"/>
    <col min="5" max="5" width="12.453125" style="19" customWidth="1"/>
    <col min="6" max="6" width="2.81640625" style="3" customWidth="1"/>
    <col min="7" max="7" width="47.1796875" style="1" customWidth="1"/>
    <col min="8" max="8" width="11.08984375" style="3" customWidth="1"/>
    <col min="9" max="9" width="2.81640625" style="3" customWidth="1"/>
    <col min="10" max="10" width="45.7265625" style="1" customWidth="1"/>
    <col min="11" max="11" width="2.54296875" style="3" customWidth="1"/>
    <col min="12" max="12" width="20.81640625" style="3" customWidth="1"/>
    <col min="13" max="13" width="3.36328125" style="1" customWidth="1"/>
    <col min="14" max="16384" width="8.7265625" style="1"/>
  </cols>
  <sheetData>
    <row r="1" spans="1:13">
      <c r="E1" s="2"/>
    </row>
    <row r="2" spans="1:13">
      <c r="B2" s="22" t="s">
        <v>10</v>
      </c>
      <c r="C2" s="22"/>
      <c r="D2" s="22"/>
      <c r="E2" s="22"/>
      <c r="F2" s="22"/>
      <c r="G2" s="22"/>
      <c r="H2" s="22"/>
      <c r="I2" s="22"/>
      <c r="J2" s="22"/>
      <c r="K2" s="22"/>
      <c r="L2" s="22"/>
      <c r="M2" s="22"/>
    </row>
    <row r="3" spans="1:13">
      <c r="B3" s="22" t="s">
        <v>49</v>
      </c>
      <c r="C3" s="22"/>
      <c r="D3" s="22"/>
      <c r="E3" s="22"/>
      <c r="F3" s="22"/>
      <c r="G3" s="22"/>
      <c r="H3" s="22"/>
      <c r="I3" s="22"/>
      <c r="J3" s="22"/>
      <c r="K3" s="22"/>
      <c r="L3" s="22"/>
      <c r="M3" s="22"/>
    </row>
    <row r="4" spans="1:13" ht="9.5" customHeight="1">
      <c r="A4" s="2"/>
      <c r="E4" s="2"/>
      <c r="F4" s="2"/>
      <c r="G4" s="4"/>
      <c r="H4" s="2"/>
      <c r="I4" s="2"/>
      <c r="J4" s="4"/>
      <c r="K4" s="2"/>
      <c r="L4" s="2"/>
      <c r="M4" s="2"/>
    </row>
    <row r="5" spans="1:13" ht="36.5" customHeight="1">
      <c r="E5" s="5" t="s">
        <v>42</v>
      </c>
      <c r="G5" s="6" t="s">
        <v>18</v>
      </c>
      <c r="H5" s="7" t="s">
        <v>23</v>
      </c>
      <c r="I5" s="8"/>
      <c r="J5" s="9" t="s">
        <v>52</v>
      </c>
      <c r="K5" s="8"/>
      <c r="L5" s="10" t="s">
        <v>50</v>
      </c>
    </row>
    <row r="6" spans="1:13" s="4" customFormat="1" ht="10" customHeight="1">
      <c r="B6" s="2"/>
      <c r="C6" s="2"/>
      <c r="D6" s="2"/>
      <c r="E6" s="2"/>
      <c r="F6" s="2"/>
      <c r="H6" s="2"/>
      <c r="I6" s="2"/>
      <c r="K6" s="2"/>
      <c r="L6" s="2"/>
    </row>
    <row r="7" spans="1:13" s="4" customFormat="1" ht="23" customHeight="1">
      <c r="B7" s="23" t="s">
        <v>0</v>
      </c>
      <c r="C7" s="11">
        <v>26</v>
      </c>
      <c r="D7" s="11" t="s">
        <v>14</v>
      </c>
      <c r="E7" s="12">
        <v>0.60416666666666663</v>
      </c>
      <c r="F7" s="2"/>
      <c r="G7" s="13" t="s">
        <v>51</v>
      </c>
      <c r="H7" s="14" t="s">
        <v>51</v>
      </c>
      <c r="I7" s="2"/>
      <c r="J7" s="20" t="s">
        <v>53</v>
      </c>
      <c r="L7" s="15" t="s">
        <v>51</v>
      </c>
    </row>
    <row r="8" spans="1:13" s="4" customFormat="1" ht="23" customHeight="1">
      <c r="B8" s="23"/>
      <c r="C8" s="11">
        <v>27</v>
      </c>
      <c r="D8" s="11" t="s">
        <v>12</v>
      </c>
      <c r="E8" s="12">
        <v>0.62916666666666665</v>
      </c>
      <c r="F8" s="2"/>
      <c r="G8" s="13" t="s">
        <v>7</v>
      </c>
      <c r="H8" s="16" t="s">
        <v>48</v>
      </c>
      <c r="I8" s="2"/>
      <c r="J8" s="20" t="s">
        <v>53</v>
      </c>
      <c r="L8" s="15" t="s">
        <v>51</v>
      </c>
    </row>
    <row r="9" spans="1:13" s="4" customFormat="1" ht="23" customHeight="1">
      <c r="B9" s="23"/>
      <c r="C9" s="11">
        <v>28</v>
      </c>
      <c r="D9" s="11" t="s">
        <v>13</v>
      </c>
      <c r="E9" s="12">
        <v>0.65416666666666667</v>
      </c>
      <c r="F9" s="2"/>
      <c r="G9" s="13" t="s">
        <v>7</v>
      </c>
      <c r="H9" s="16" t="s">
        <v>48</v>
      </c>
      <c r="I9" s="2"/>
      <c r="J9" s="20" t="s">
        <v>53</v>
      </c>
      <c r="L9" s="15" t="s">
        <v>51</v>
      </c>
    </row>
    <row r="10" spans="1:13" s="4" customFormat="1" ht="23" customHeight="1">
      <c r="B10" s="23" t="s">
        <v>1</v>
      </c>
      <c r="C10" s="11">
        <v>2</v>
      </c>
      <c r="D10" s="11" t="s">
        <v>15</v>
      </c>
      <c r="E10" s="12">
        <v>0.80555555555555547</v>
      </c>
      <c r="F10" s="2"/>
      <c r="G10" s="13" t="s">
        <v>32</v>
      </c>
      <c r="H10" s="16">
        <v>0.77083333333333337</v>
      </c>
      <c r="I10" s="2"/>
      <c r="J10" s="21" t="s">
        <v>51</v>
      </c>
      <c r="K10" s="2"/>
      <c r="L10" s="15" t="s">
        <v>51</v>
      </c>
    </row>
    <row r="11" spans="1:13" s="4" customFormat="1" ht="23" customHeight="1">
      <c r="B11" s="23"/>
      <c r="C11" s="17" t="s">
        <v>57</v>
      </c>
      <c r="D11" s="11" t="s">
        <v>30</v>
      </c>
      <c r="E11" s="15" t="s">
        <v>51</v>
      </c>
      <c r="F11" s="2"/>
      <c r="G11" s="13" t="s">
        <v>51</v>
      </c>
      <c r="H11" s="14" t="s">
        <v>51</v>
      </c>
      <c r="I11" s="2"/>
      <c r="J11" s="21" t="s">
        <v>51</v>
      </c>
      <c r="K11" s="2"/>
      <c r="L11" s="14" t="s">
        <v>44</v>
      </c>
    </row>
    <row r="12" spans="1:13" s="4" customFormat="1" ht="23" customHeight="1">
      <c r="B12" s="23"/>
      <c r="C12" s="11">
        <v>10</v>
      </c>
      <c r="D12" s="11" t="s">
        <v>14</v>
      </c>
      <c r="E12" s="12">
        <v>7.6069444444444443</v>
      </c>
      <c r="F12" s="2"/>
      <c r="G12" s="13" t="s">
        <v>51</v>
      </c>
      <c r="H12" s="14" t="s">
        <v>51</v>
      </c>
      <c r="I12" s="2"/>
      <c r="J12" s="20" t="s">
        <v>54</v>
      </c>
      <c r="K12" s="2"/>
      <c r="L12" s="14" t="s">
        <v>44</v>
      </c>
    </row>
    <row r="13" spans="1:13" s="4" customFormat="1" ht="23" customHeight="1">
      <c r="B13" s="23"/>
      <c r="C13" s="11">
        <v>11</v>
      </c>
      <c r="D13" s="11" t="s">
        <v>12</v>
      </c>
      <c r="E13" s="12">
        <v>7.635416666666667</v>
      </c>
      <c r="F13" s="2"/>
      <c r="G13" s="13" t="s">
        <v>62</v>
      </c>
      <c r="H13" s="16">
        <v>0.44791666666666669</v>
      </c>
      <c r="I13" s="2"/>
      <c r="J13" s="20" t="s">
        <v>54</v>
      </c>
      <c r="K13" s="2"/>
      <c r="L13" s="14" t="s">
        <v>45</v>
      </c>
    </row>
    <row r="14" spans="1:13" s="4" customFormat="1" ht="23" customHeight="1">
      <c r="B14" s="23"/>
      <c r="C14" s="11">
        <v>12</v>
      </c>
      <c r="D14" s="11" t="s">
        <v>13</v>
      </c>
      <c r="E14" s="12">
        <v>7.6631944444444446</v>
      </c>
      <c r="F14" s="2"/>
      <c r="G14" s="13" t="s">
        <v>51</v>
      </c>
      <c r="H14" s="14" t="s">
        <v>51</v>
      </c>
      <c r="I14" s="2"/>
      <c r="J14" s="20" t="s">
        <v>54</v>
      </c>
      <c r="K14" s="2"/>
      <c r="L14" s="15" t="s">
        <v>51</v>
      </c>
    </row>
    <row r="15" spans="1:13" s="4" customFormat="1" ht="23" customHeight="1">
      <c r="B15" s="23"/>
      <c r="C15" s="11">
        <v>13</v>
      </c>
      <c r="D15" s="11" t="s">
        <v>25</v>
      </c>
      <c r="E15" s="12">
        <v>7.6916666666666664</v>
      </c>
      <c r="F15" s="2"/>
      <c r="G15" s="13" t="s">
        <v>51</v>
      </c>
      <c r="H15" s="14" t="s">
        <v>51</v>
      </c>
      <c r="I15" s="2"/>
      <c r="J15" s="20" t="s">
        <v>54</v>
      </c>
      <c r="K15" s="2"/>
      <c r="L15" s="15" t="s">
        <v>51</v>
      </c>
    </row>
    <row r="16" spans="1:13" s="4" customFormat="1" ht="23" customHeight="1">
      <c r="B16" s="23"/>
      <c r="C16" s="11">
        <v>16</v>
      </c>
      <c r="D16" s="11" t="s">
        <v>15</v>
      </c>
      <c r="E16" s="12">
        <v>0.80902777777777779</v>
      </c>
      <c r="F16" s="2"/>
      <c r="G16" s="13" t="s">
        <v>31</v>
      </c>
      <c r="H16" s="16">
        <v>0.77083333333333337</v>
      </c>
      <c r="I16" s="2"/>
      <c r="J16" s="21" t="s">
        <v>51</v>
      </c>
      <c r="K16" s="2"/>
      <c r="L16" s="15" t="s">
        <v>51</v>
      </c>
    </row>
    <row r="17" spans="2:12" s="4" customFormat="1" ht="23" customHeight="1">
      <c r="B17" s="23"/>
      <c r="C17" s="11">
        <v>19</v>
      </c>
      <c r="D17" s="11" t="s">
        <v>13</v>
      </c>
      <c r="E17" s="12">
        <v>0.42777777777777781</v>
      </c>
      <c r="F17" s="2"/>
      <c r="G17" s="13" t="s">
        <v>71</v>
      </c>
      <c r="H17" s="16">
        <v>0.375</v>
      </c>
      <c r="I17" s="2"/>
      <c r="J17" s="21" t="s">
        <v>51</v>
      </c>
      <c r="K17" s="2"/>
      <c r="L17" s="15" t="s">
        <v>51</v>
      </c>
    </row>
    <row r="18" spans="2:12" s="4" customFormat="1" ht="23" customHeight="1">
      <c r="B18" s="23"/>
      <c r="C18" s="11" t="s">
        <v>28</v>
      </c>
      <c r="D18" s="11" t="s">
        <v>30</v>
      </c>
      <c r="E18" s="15" t="s">
        <v>51</v>
      </c>
      <c r="F18" s="2"/>
      <c r="G18" s="13" t="s">
        <v>51</v>
      </c>
      <c r="H18" s="14" t="s">
        <v>51</v>
      </c>
      <c r="I18" s="2"/>
      <c r="J18" s="21" t="s">
        <v>51</v>
      </c>
      <c r="K18" s="2"/>
      <c r="L18" s="14" t="s">
        <v>44</v>
      </c>
    </row>
    <row r="19" spans="2:12" s="4" customFormat="1" ht="23" customHeight="1">
      <c r="B19" s="23"/>
      <c r="C19" s="11">
        <v>24</v>
      </c>
      <c r="D19" s="11" t="s">
        <v>14</v>
      </c>
      <c r="E19" s="12">
        <v>0.56388888888888888</v>
      </c>
      <c r="F19" s="2"/>
      <c r="G19" s="13" t="s">
        <v>19</v>
      </c>
      <c r="H19" s="16">
        <v>0.29166666666666669</v>
      </c>
      <c r="J19" s="21" t="s">
        <v>51</v>
      </c>
      <c r="K19" s="2"/>
      <c r="L19" s="14" t="s">
        <v>44</v>
      </c>
    </row>
    <row r="20" spans="2:12" s="4" customFormat="1" ht="23" customHeight="1">
      <c r="B20" s="23"/>
      <c r="C20" s="11">
        <v>25</v>
      </c>
      <c r="D20" s="11" t="s">
        <v>12</v>
      </c>
      <c r="E20" s="12">
        <v>0.59027777777777779</v>
      </c>
      <c r="F20" s="2"/>
      <c r="G20" s="13" t="s">
        <v>51</v>
      </c>
      <c r="H20" s="14" t="s">
        <v>51</v>
      </c>
      <c r="J20" s="21" t="s">
        <v>51</v>
      </c>
      <c r="K20" s="2"/>
      <c r="L20" s="14" t="s">
        <v>45</v>
      </c>
    </row>
    <row r="21" spans="2:12" s="4" customFormat="1" ht="23" customHeight="1">
      <c r="B21" s="23"/>
      <c r="C21" s="11">
        <v>30</v>
      </c>
      <c r="D21" s="11" t="s">
        <v>15</v>
      </c>
      <c r="E21" s="12">
        <v>0.79513888888888884</v>
      </c>
      <c r="F21" s="2"/>
      <c r="G21" s="13" t="s">
        <v>33</v>
      </c>
      <c r="H21" s="16">
        <v>0.75</v>
      </c>
      <c r="I21" s="2"/>
      <c r="J21" s="21" t="s">
        <v>51</v>
      </c>
      <c r="K21" s="2"/>
      <c r="L21" s="15" t="s">
        <v>51</v>
      </c>
    </row>
    <row r="22" spans="2:12" s="4" customFormat="1" ht="23" customHeight="1">
      <c r="B22" s="23" t="s">
        <v>2</v>
      </c>
      <c r="C22" s="11">
        <v>1</v>
      </c>
      <c r="D22" s="11" t="s">
        <v>12</v>
      </c>
      <c r="E22" s="12">
        <v>0.3298611111111111</v>
      </c>
      <c r="F22" s="2"/>
      <c r="G22" s="13" t="s">
        <v>63</v>
      </c>
      <c r="H22" s="16">
        <v>0.44791666666666669</v>
      </c>
      <c r="J22" s="21" t="s">
        <v>51</v>
      </c>
      <c r="K22" s="2"/>
      <c r="L22" s="15" t="s">
        <v>51</v>
      </c>
    </row>
    <row r="23" spans="2:12" s="4" customFormat="1" ht="23" customHeight="1">
      <c r="B23" s="23"/>
      <c r="C23" s="11">
        <v>2</v>
      </c>
      <c r="D23" s="11" t="s">
        <v>13</v>
      </c>
      <c r="E23" s="12">
        <v>0.37847222222222227</v>
      </c>
      <c r="F23" s="2"/>
      <c r="G23" s="13" t="s">
        <v>64</v>
      </c>
      <c r="H23" s="16">
        <v>0.44791666666666669</v>
      </c>
      <c r="J23" s="21" t="s">
        <v>51</v>
      </c>
      <c r="K23" s="2"/>
      <c r="L23" s="15" t="s">
        <v>51</v>
      </c>
    </row>
    <row r="24" spans="2:12" s="4" customFormat="1" ht="23" customHeight="1">
      <c r="B24" s="23"/>
      <c r="C24" s="17" t="s">
        <v>58</v>
      </c>
      <c r="D24" s="11" t="s">
        <v>27</v>
      </c>
      <c r="E24" s="15" t="s">
        <v>51</v>
      </c>
      <c r="F24" s="2"/>
      <c r="G24" s="13" t="s">
        <v>51</v>
      </c>
      <c r="H24" s="14" t="s">
        <v>51</v>
      </c>
      <c r="I24" s="2"/>
      <c r="J24" s="21" t="s">
        <v>51</v>
      </c>
      <c r="K24" s="2"/>
      <c r="L24" s="14" t="s">
        <v>46</v>
      </c>
    </row>
    <row r="25" spans="2:12" s="4" customFormat="1" ht="23" customHeight="1">
      <c r="B25" s="23"/>
      <c r="C25" s="11">
        <v>8</v>
      </c>
      <c r="D25" s="11" t="s">
        <v>12</v>
      </c>
      <c r="E25" s="12">
        <v>6.5944444444444441</v>
      </c>
      <c r="F25" s="2"/>
      <c r="G25" s="13" t="s">
        <v>51</v>
      </c>
      <c r="H25" s="14" t="s">
        <v>51</v>
      </c>
      <c r="I25" s="2"/>
      <c r="J25" s="20" t="s">
        <v>43</v>
      </c>
      <c r="K25" s="2"/>
      <c r="L25" s="14" t="s">
        <v>46</v>
      </c>
    </row>
    <row r="26" spans="2:12" s="4" customFormat="1" ht="23" customHeight="1">
      <c r="B26" s="23"/>
      <c r="C26" s="11">
        <v>9</v>
      </c>
      <c r="D26" s="11" t="s">
        <v>13</v>
      </c>
      <c r="E26" s="12">
        <v>6.6222222222222218</v>
      </c>
      <c r="F26" s="2"/>
      <c r="G26" s="13" t="s">
        <v>72</v>
      </c>
      <c r="H26" s="16">
        <v>0.5625</v>
      </c>
      <c r="I26" s="2"/>
      <c r="J26" s="20" t="s">
        <v>43</v>
      </c>
      <c r="K26" s="2"/>
      <c r="L26" s="15" t="s">
        <v>51</v>
      </c>
    </row>
    <row r="27" spans="2:12" s="4" customFormat="1" ht="23" customHeight="1">
      <c r="B27" s="23"/>
      <c r="C27" s="11">
        <v>15</v>
      </c>
      <c r="D27" s="11" t="s">
        <v>12</v>
      </c>
      <c r="E27" s="12">
        <v>6.3076388888888886</v>
      </c>
      <c r="F27" s="2"/>
      <c r="G27" s="13" t="s">
        <v>9</v>
      </c>
      <c r="H27" s="16">
        <v>0.375</v>
      </c>
      <c r="I27" s="2"/>
      <c r="J27" s="21" t="s">
        <v>51</v>
      </c>
      <c r="K27" s="2"/>
      <c r="L27" s="15" t="s">
        <v>51</v>
      </c>
    </row>
    <row r="28" spans="2:12" s="4" customFormat="1" ht="23" customHeight="1">
      <c r="B28" s="23"/>
      <c r="C28" s="11">
        <v>16</v>
      </c>
      <c r="D28" s="11" t="s">
        <v>13</v>
      </c>
      <c r="E28" s="12">
        <v>7.8590277777777775</v>
      </c>
      <c r="F28" s="2"/>
      <c r="G28" s="13" t="s">
        <v>34</v>
      </c>
      <c r="H28" s="16">
        <v>0.79166666666666663</v>
      </c>
      <c r="I28" s="2"/>
      <c r="J28" s="21" t="s">
        <v>51</v>
      </c>
      <c r="K28" s="2"/>
      <c r="L28" s="15" t="s">
        <v>51</v>
      </c>
    </row>
    <row r="29" spans="2:12" s="4" customFormat="1" ht="23" customHeight="1">
      <c r="B29" s="23"/>
      <c r="C29" s="17" t="s">
        <v>59</v>
      </c>
      <c r="D29" s="11" t="s">
        <v>29</v>
      </c>
      <c r="E29" s="15" t="s">
        <v>51</v>
      </c>
      <c r="F29" s="2"/>
      <c r="G29" s="13" t="s">
        <v>51</v>
      </c>
      <c r="H29" s="14" t="s">
        <v>51</v>
      </c>
      <c r="I29" s="2"/>
      <c r="J29" s="21" t="s">
        <v>51</v>
      </c>
      <c r="K29" s="2"/>
      <c r="L29" s="14" t="s">
        <v>44</v>
      </c>
    </row>
    <row r="30" spans="2:12" s="4" customFormat="1" ht="23" customHeight="1">
      <c r="B30" s="23"/>
      <c r="C30" s="11">
        <v>22</v>
      </c>
      <c r="D30" s="11" t="s">
        <v>12</v>
      </c>
      <c r="E30" s="12">
        <v>0.55069444444444449</v>
      </c>
      <c r="F30" s="2"/>
      <c r="G30" s="13" t="s">
        <v>20</v>
      </c>
      <c r="H30" s="16">
        <v>0.375</v>
      </c>
      <c r="I30" s="2"/>
      <c r="J30" s="21" t="s">
        <v>51</v>
      </c>
      <c r="K30" s="2"/>
      <c r="L30" s="14" t="s">
        <v>45</v>
      </c>
    </row>
    <row r="31" spans="2:12" s="4" customFormat="1" ht="23" customHeight="1">
      <c r="B31" s="23"/>
      <c r="C31" s="11">
        <v>23</v>
      </c>
      <c r="D31" s="11" t="s">
        <v>13</v>
      </c>
      <c r="E31" s="12">
        <v>0.58124999999999993</v>
      </c>
      <c r="F31" s="2"/>
      <c r="G31" s="13" t="s">
        <v>51</v>
      </c>
      <c r="H31" s="14" t="s">
        <v>51</v>
      </c>
      <c r="I31" s="2"/>
      <c r="J31" s="21" t="s">
        <v>51</v>
      </c>
      <c r="K31" s="2"/>
      <c r="L31" s="14" t="s">
        <v>45</v>
      </c>
    </row>
    <row r="32" spans="2:12" s="4" customFormat="1" ht="23" customHeight="1">
      <c r="B32" s="23"/>
      <c r="C32" s="11">
        <v>29</v>
      </c>
      <c r="D32" s="11" t="s">
        <v>12</v>
      </c>
      <c r="E32" s="12">
        <v>0.26944444444444443</v>
      </c>
      <c r="F32" s="2"/>
      <c r="G32" s="13" t="s">
        <v>65</v>
      </c>
      <c r="H32" s="16">
        <v>0.44791666666666669</v>
      </c>
      <c r="I32" s="2"/>
      <c r="J32" s="21" t="s">
        <v>51</v>
      </c>
      <c r="K32" s="2"/>
      <c r="L32" s="15" t="s">
        <v>51</v>
      </c>
    </row>
    <row r="33" spans="2:12" s="4" customFormat="1" ht="23" customHeight="1">
      <c r="B33" s="23" t="s">
        <v>3</v>
      </c>
      <c r="C33" s="11">
        <v>1</v>
      </c>
      <c r="D33" s="11" t="s">
        <v>25</v>
      </c>
      <c r="E33" s="12">
        <v>0.87013888888888891</v>
      </c>
      <c r="F33" s="2"/>
      <c r="G33" s="13" t="s">
        <v>35</v>
      </c>
      <c r="H33" s="16">
        <v>0.79166666666666663</v>
      </c>
      <c r="I33" s="2"/>
      <c r="J33" s="21" t="s">
        <v>51</v>
      </c>
      <c r="K33" s="2"/>
      <c r="L33" s="15" t="s">
        <v>51</v>
      </c>
    </row>
    <row r="34" spans="2:12" s="4" customFormat="1" ht="23" customHeight="1">
      <c r="B34" s="23"/>
      <c r="C34" s="17" t="s">
        <v>60</v>
      </c>
      <c r="D34" s="11" t="s">
        <v>27</v>
      </c>
      <c r="E34" s="15" t="s">
        <v>51</v>
      </c>
      <c r="F34" s="2"/>
      <c r="G34" s="13" t="s">
        <v>51</v>
      </c>
      <c r="H34" s="14" t="s">
        <v>51</v>
      </c>
      <c r="I34" s="2"/>
      <c r="J34" s="21" t="s">
        <v>51</v>
      </c>
      <c r="K34" s="2"/>
      <c r="L34" s="14" t="s">
        <v>44</v>
      </c>
    </row>
    <row r="35" spans="2:12" s="4" customFormat="1" ht="23" customHeight="1">
      <c r="B35" s="23"/>
      <c r="C35" s="18">
        <v>6</v>
      </c>
      <c r="D35" s="11" t="s">
        <v>12</v>
      </c>
      <c r="E35" s="12">
        <v>0.55625000000000002</v>
      </c>
      <c r="F35" s="2"/>
      <c r="G35" s="13" t="s">
        <v>51</v>
      </c>
      <c r="H35" s="14" t="s">
        <v>51</v>
      </c>
      <c r="I35" s="2"/>
      <c r="J35" s="21" t="s">
        <v>51</v>
      </c>
      <c r="K35" s="2"/>
      <c r="L35" s="14" t="s">
        <v>45</v>
      </c>
    </row>
    <row r="36" spans="2:12" s="4" customFormat="1" ht="23" customHeight="1">
      <c r="B36" s="23"/>
      <c r="C36" s="11">
        <v>7</v>
      </c>
      <c r="D36" s="11" t="s">
        <v>13</v>
      </c>
      <c r="E36" s="12">
        <v>0.5854166666666667</v>
      </c>
      <c r="F36" s="2"/>
      <c r="G36" s="13" t="s">
        <v>73</v>
      </c>
      <c r="H36" s="16">
        <v>0.52083333333333337</v>
      </c>
      <c r="I36" s="2"/>
      <c r="J36" s="21" t="s">
        <v>51</v>
      </c>
      <c r="K36" s="2"/>
      <c r="L36" s="14" t="s">
        <v>45</v>
      </c>
    </row>
    <row r="37" spans="2:12" s="4" customFormat="1" ht="23" customHeight="1">
      <c r="B37" s="23"/>
      <c r="C37" s="11">
        <v>13</v>
      </c>
      <c r="D37" s="11" t="s">
        <v>12</v>
      </c>
      <c r="E37" s="12">
        <v>0.22916666666666666</v>
      </c>
      <c r="F37" s="2"/>
      <c r="G37" s="13" t="s">
        <v>21</v>
      </c>
      <c r="H37" s="16">
        <v>0.375</v>
      </c>
      <c r="I37" s="2"/>
      <c r="J37" s="21" t="s">
        <v>51</v>
      </c>
      <c r="K37" s="2"/>
      <c r="L37" s="15" t="s">
        <v>51</v>
      </c>
    </row>
    <row r="38" spans="2:12" s="4" customFormat="1" ht="23" customHeight="1">
      <c r="B38" s="23"/>
      <c r="C38" s="11">
        <v>15</v>
      </c>
      <c r="D38" s="11" t="s">
        <v>25</v>
      </c>
      <c r="E38" s="12">
        <v>7.8125</v>
      </c>
      <c r="F38" s="2"/>
      <c r="G38" s="13" t="s">
        <v>51</v>
      </c>
      <c r="H38" s="14" t="s">
        <v>51</v>
      </c>
      <c r="I38" s="2"/>
      <c r="J38" s="20" t="s">
        <v>55</v>
      </c>
      <c r="K38" s="2"/>
      <c r="L38" s="15" t="s">
        <v>51</v>
      </c>
    </row>
    <row r="39" spans="2:12" s="4" customFormat="1" ht="23" customHeight="1">
      <c r="B39" s="23"/>
      <c r="C39" s="11">
        <v>16</v>
      </c>
      <c r="D39" s="11" t="s">
        <v>16</v>
      </c>
      <c r="E39" s="12">
        <v>7.8631944444444448</v>
      </c>
      <c r="F39" s="2"/>
      <c r="G39" s="13" t="s">
        <v>36</v>
      </c>
      <c r="H39" s="16">
        <v>0.79166666666666663</v>
      </c>
      <c r="I39" s="2"/>
      <c r="J39" s="20" t="s">
        <v>55</v>
      </c>
      <c r="K39" s="2"/>
      <c r="L39" s="15" t="s">
        <v>51</v>
      </c>
    </row>
    <row r="40" spans="2:12" s="4" customFormat="1" ht="23" customHeight="1">
      <c r="B40" s="23"/>
      <c r="C40" s="11">
        <v>17</v>
      </c>
      <c r="D40" s="11" t="s">
        <v>17</v>
      </c>
      <c r="E40" s="12">
        <v>7.9076388888888891</v>
      </c>
      <c r="F40" s="2"/>
      <c r="G40" s="13" t="s">
        <v>51</v>
      </c>
      <c r="H40" s="14" t="s">
        <v>51</v>
      </c>
      <c r="I40" s="2"/>
      <c r="J40" s="20" t="s">
        <v>55</v>
      </c>
      <c r="K40" s="2"/>
      <c r="L40" s="15" t="s">
        <v>51</v>
      </c>
    </row>
    <row r="41" spans="2:12" s="4" customFormat="1" ht="23" customHeight="1">
      <c r="B41" s="23"/>
      <c r="C41" s="17" t="s">
        <v>61</v>
      </c>
      <c r="D41" s="11" t="s">
        <v>29</v>
      </c>
      <c r="E41" s="15" t="s">
        <v>51</v>
      </c>
      <c r="F41" s="2"/>
      <c r="G41" s="13" t="s">
        <v>51</v>
      </c>
      <c r="H41" s="14" t="s">
        <v>51</v>
      </c>
      <c r="I41" s="2"/>
      <c r="J41" s="21" t="s">
        <v>51</v>
      </c>
      <c r="K41" s="2"/>
      <c r="L41" s="14" t="s">
        <v>44</v>
      </c>
    </row>
    <row r="42" spans="2:12" s="4" customFormat="1" ht="23" customHeight="1">
      <c r="B42" s="23"/>
      <c r="C42" s="11">
        <v>20</v>
      </c>
      <c r="D42" s="11" t="s">
        <v>12</v>
      </c>
      <c r="E42" s="12">
        <v>0.50624999999999998</v>
      </c>
      <c r="F42" s="2"/>
      <c r="G42" s="13" t="s">
        <v>66</v>
      </c>
      <c r="H42" s="16">
        <v>0.44791666666666669</v>
      </c>
      <c r="I42" s="2"/>
      <c r="J42" s="21" t="s">
        <v>51</v>
      </c>
      <c r="K42" s="2"/>
      <c r="L42" s="15" t="s">
        <v>51</v>
      </c>
    </row>
    <row r="43" spans="2:12" s="4" customFormat="1" ht="23" customHeight="1">
      <c r="B43" s="23"/>
      <c r="C43" s="11">
        <v>30</v>
      </c>
      <c r="D43" s="11" t="s">
        <v>16</v>
      </c>
      <c r="E43" s="12">
        <v>0.85138888888888886</v>
      </c>
      <c r="F43" s="2"/>
      <c r="G43" s="13" t="s">
        <v>37</v>
      </c>
      <c r="H43" s="16">
        <v>0.79166666666666663</v>
      </c>
      <c r="I43" s="2"/>
      <c r="J43" s="21" t="s">
        <v>51</v>
      </c>
      <c r="K43" s="2"/>
      <c r="L43" s="15" t="s">
        <v>51</v>
      </c>
    </row>
    <row r="44" spans="2:12" s="4" customFormat="1" ht="23" customHeight="1">
      <c r="B44" s="23" t="s">
        <v>4</v>
      </c>
      <c r="C44" s="11">
        <v>2</v>
      </c>
      <c r="D44" s="11" t="s">
        <v>14</v>
      </c>
      <c r="E44" s="12">
        <v>0.48125000000000001</v>
      </c>
      <c r="F44" s="2"/>
      <c r="G44" s="13" t="s">
        <v>51</v>
      </c>
      <c r="H44" s="14" t="s">
        <v>51</v>
      </c>
      <c r="J44" s="21" t="s">
        <v>51</v>
      </c>
      <c r="K44" s="2"/>
      <c r="L44" s="14" t="s">
        <v>46</v>
      </c>
    </row>
    <row r="45" spans="2:12" s="4" customFormat="1" ht="23" customHeight="1">
      <c r="B45" s="23"/>
      <c r="C45" s="11">
        <v>3</v>
      </c>
      <c r="D45" s="11" t="s">
        <v>12</v>
      </c>
      <c r="E45" s="12">
        <v>0.51666666666666672</v>
      </c>
      <c r="F45" s="2"/>
      <c r="G45" s="13" t="s">
        <v>51</v>
      </c>
      <c r="H45" s="14" t="s">
        <v>51</v>
      </c>
      <c r="J45" s="20" t="s">
        <v>11</v>
      </c>
      <c r="K45" s="2"/>
      <c r="L45" s="14" t="s">
        <v>46</v>
      </c>
    </row>
    <row r="46" spans="2:12" s="4" customFormat="1" ht="23" customHeight="1">
      <c r="B46" s="23"/>
      <c r="C46" s="11">
        <v>4</v>
      </c>
      <c r="D46" s="11" t="s">
        <v>13</v>
      </c>
      <c r="E46" s="12">
        <v>0.54791666666666672</v>
      </c>
      <c r="F46" s="2"/>
      <c r="G46" s="13" t="s">
        <v>74</v>
      </c>
      <c r="H46" s="16">
        <v>0.47916666666666669</v>
      </c>
      <c r="I46" s="2"/>
      <c r="J46" s="20" t="s">
        <v>11</v>
      </c>
      <c r="K46" s="2"/>
      <c r="L46" s="14" t="s">
        <v>46</v>
      </c>
    </row>
    <row r="47" spans="2:12" s="4" customFormat="1" ht="23" customHeight="1">
      <c r="B47" s="23"/>
      <c r="C47" s="17" t="s">
        <v>57</v>
      </c>
      <c r="D47" s="11" t="s">
        <v>26</v>
      </c>
      <c r="E47" s="15" t="s">
        <v>51</v>
      </c>
      <c r="F47" s="2"/>
      <c r="G47" s="13" t="s">
        <v>51</v>
      </c>
      <c r="H47" s="14" t="s">
        <v>51</v>
      </c>
      <c r="I47" s="2"/>
      <c r="J47" s="21" t="s">
        <v>51</v>
      </c>
      <c r="K47" s="2"/>
      <c r="L47" s="14" t="s">
        <v>46</v>
      </c>
    </row>
    <row r="48" spans="2:12" s="4" customFormat="1" ht="23" customHeight="1">
      <c r="B48" s="23"/>
      <c r="C48" s="11">
        <v>10</v>
      </c>
      <c r="D48" s="11" t="s">
        <v>12</v>
      </c>
      <c r="E48" s="12">
        <v>0.68263888888888891</v>
      </c>
      <c r="F48" s="2"/>
      <c r="G48" s="13" t="s">
        <v>24</v>
      </c>
      <c r="H48" s="14" t="s">
        <v>48</v>
      </c>
      <c r="I48" s="2"/>
      <c r="J48" s="21" t="s">
        <v>51</v>
      </c>
      <c r="K48" s="2"/>
      <c r="L48" s="15" t="s">
        <v>51</v>
      </c>
    </row>
    <row r="49" spans="2:12" s="4" customFormat="1" ht="23" customHeight="1">
      <c r="B49" s="23"/>
      <c r="C49" s="11">
        <v>11</v>
      </c>
      <c r="D49" s="11" t="s">
        <v>13</v>
      </c>
      <c r="E49" s="12">
        <v>0.70486111111111116</v>
      </c>
      <c r="F49" s="2"/>
      <c r="G49" s="13" t="s">
        <v>24</v>
      </c>
      <c r="H49" s="14" t="s">
        <v>48</v>
      </c>
      <c r="I49" s="2"/>
      <c r="J49" s="21" t="s">
        <v>51</v>
      </c>
      <c r="K49" s="2"/>
      <c r="L49" s="15" t="s">
        <v>51</v>
      </c>
    </row>
    <row r="50" spans="2:12" s="4" customFormat="1" ht="23" customHeight="1">
      <c r="B50" s="23"/>
      <c r="C50" s="11">
        <v>14</v>
      </c>
      <c r="D50" s="11" t="s">
        <v>17</v>
      </c>
      <c r="E50" s="12">
        <v>0.81111111111111101</v>
      </c>
      <c r="F50" s="2"/>
      <c r="G50" s="13" t="s">
        <v>38</v>
      </c>
      <c r="H50" s="16">
        <v>0.77083333333333337</v>
      </c>
      <c r="I50" s="2"/>
      <c r="J50" s="21" t="s">
        <v>51</v>
      </c>
      <c r="K50" s="2"/>
      <c r="L50" s="15" t="s">
        <v>51</v>
      </c>
    </row>
    <row r="51" spans="2:12" s="4" customFormat="1" ht="23" customHeight="1">
      <c r="B51" s="23"/>
      <c r="C51" s="11">
        <v>17</v>
      </c>
      <c r="D51" s="11" t="s">
        <v>12</v>
      </c>
      <c r="E51" s="12">
        <v>0.45208333333333334</v>
      </c>
      <c r="F51" s="2"/>
      <c r="G51" s="13" t="s">
        <v>22</v>
      </c>
      <c r="H51" s="16">
        <v>0.375</v>
      </c>
      <c r="I51" s="2"/>
      <c r="J51" s="21" t="s">
        <v>51</v>
      </c>
      <c r="K51" s="2"/>
      <c r="L51" s="14" t="s">
        <v>46</v>
      </c>
    </row>
    <row r="52" spans="2:12" s="4" customFormat="1" ht="23" customHeight="1">
      <c r="B52" s="23"/>
      <c r="C52" s="11" t="s">
        <v>40</v>
      </c>
      <c r="D52" s="11" t="s">
        <v>41</v>
      </c>
      <c r="E52" s="15" t="s">
        <v>51</v>
      </c>
      <c r="F52" s="2"/>
      <c r="G52" s="13" t="s">
        <v>51</v>
      </c>
      <c r="H52" s="14" t="s">
        <v>51</v>
      </c>
      <c r="I52" s="2"/>
      <c r="J52" s="21" t="s">
        <v>51</v>
      </c>
      <c r="K52" s="2"/>
      <c r="L52" s="14" t="s">
        <v>46</v>
      </c>
    </row>
    <row r="53" spans="2:12" s="4" customFormat="1" ht="23" customHeight="1">
      <c r="B53" s="23"/>
      <c r="C53" s="11">
        <v>28</v>
      </c>
      <c r="D53" s="11" t="s">
        <v>17</v>
      </c>
      <c r="E53" s="12">
        <v>0.83611111111111114</v>
      </c>
      <c r="F53" s="2"/>
      <c r="G53" s="13" t="s">
        <v>39</v>
      </c>
      <c r="H53" s="16">
        <v>0.79166666666666663</v>
      </c>
      <c r="I53" s="2"/>
      <c r="J53" s="21" t="s">
        <v>51</v>
      </c>
      <c r="K53" s="2"/>
      <c r="L53" s="15" t="s">
        <v>51</v>
      </c>
    </row>
    <row r="54" spans="2:12" s="4" customFormat="1" ht="23" customHeight="1">
      <c r="B54" s="23"/>
      <c r="C54" s="11">
        <v>31</v>
      </c>
      <c r="D54" s="11" t="s">
        <v>12</v>
      </c>
      <c r="E54" s="12">
        <v>0.47083333333333338</v>
      </c>
      <c r="F54" s="2"/>
      <c r="G54" s="13" t="s">
        <v>67</v>
      </c>
      <c r="H54" s="16">
        <v>0.44791666666666669</v>
      </c>
      <c r="I54" s="2"/>
      <c r="J54" s="21" t="s">
        <v>51</v>
      </c>
      <c r="K54" s="2"/>
      <c r="L54" s="14" t="s">
        <v>47</v>
      </c>
    </row>
    <row r="55" spans="2:12" s="4" customFormat="1" ht="23" customHeight="1">
      <c r="B55" s="23" t="s">
        <v>5</v>
      </c>
      <c r="C55" s="11">
        <v>1</v>
      </c>
      <c r="D55" s="11" t="s">
        <v>13</v>
      </c>
      <c r="E55" s="12">
        <v>0.50555555555555554</v>
      </c>
      <c r="F55" s="2"/>
      <c r="G55" s="13" t="s">
        <v>51</v>
      </c>
      <c r="H55" s="14" t="s">
        <v>51</v>
      </c>
      <c r="J55" s="21" t="s">
        <v>51</v>
      </c>
      <c r="K55" s="2"/>
      <c r="L55" s="14" t="s">
        <v>45</v>
      </c>
    </row>
    <row r="56" spans="2:12" s="4" customFormat="1" ht="23" customHeight="1">
      <c r="B56" s="23"/>
      <c r="C56" s="11">
        <v>8</v>
      </c>
      <c r="D56" s="11" t="s">
        <v>13</v>
      </c>
      <c r="E56" s="12">
        <v>0.66111111111111109</v>
      </c>
      <c r="F56" s="2"/>
      <c r="G56" s="13" t="s">
        <v>75</v>
      </c>
      <c r="H56" s="16">
        <v>0.59375</v>
      </c>
      <c r="I56" s="2"/>
      <c r="J56" s="21" t="s">
        <v>51</v>
      </c>
      <c r="K56" s="2"/>
      <c r="L56" s="15" t="s">
        <v>51</v>
      </c>
    </row>
    <row r="57" spans="2:12" s="4" customFormat="1" ht="23" customHeight="1">
      <c r="B57" s="23"/>
      <c r="C57" s="11">
        <v>14</v>
      </c>
      <c r="D57" s="11" t="s">
        <v>12</v>
      </c>
      <c r="E57" s="12">
        <v>0.38194444444444442</v>
      </c>
      <c r="F57" s="2"/>
      <c r="G57" s="13" t="s">
        <v>68</v>
      </c>
      <c r="H57" s="16">
        <v>0.44791666666666669</v>
      </c>
      <c r="I57" s="2"/>
      <c r="J57" s="21" t="s">
        <v>51</v>
      </c>
      <c r="K57" s="2"/>
      <c r="L57" s="15" t="s">
        <v>51</v>
      </c>
    </row>
    <row r="58" spans="2:12" s="4" customFormat="1" ht="23" customHeight="1">
      <c r="B58" s="23"/>
      <c r="C58" s="11">
        <v>21</v>
      </c>
      <c r="D58" s="11" t="s">
        <v>12</v>
      </c>
      <c r="E58" s="12">
        <v>0.63402777777777775</v>
      </c>
      <c r="F58" s="2"/>
      <c r="G58" s="13" t="s">
        <v>70</v>
      </c>
      <c r="H58" s="16">
        <v>0.54166666666666663</v>
      </c>
      <c r="J58" s="21" t="s">
        <v>51</v>
      </c>
      <c r="K58" s="2"/>
      <c r="L58" s="15" t="s">
        <v>51</v>
      </c>
    </row>
    <row r="59" spans="2:12" s="4" customFormat="1" ht="23" customHeight="1">
      <c r="B59" s="23"/>
      <c r="C59" s="11">
        <v>28</v>
      </c>
      <c r="D59" s="11" t="s">
        <v>12</v>
      </c>
      <c r="E59" s="12">
        <v>0.40833333333333338</v>
      </c>
      <c r="F59" s="2"/>
      <c r="G59" s="13" t="s">
        <v>69</v>
      </c>
      <c r="H59" s="16">
        <v>0.44791666666666669</v>
      </c>
      <c r="I59" s="2"/>
      <c r="J59" s="21" t="s">
        <v>51</v>
      </c>
      <c r="K59" s="2"/>
      <c r="L59" s="15" t="s">
        <v>51</v>
      </c>
    </row>
    <row r="60" spans="2:12" s="4" customFormat="1" ht="23" customHeight="1">
      <c r="B60" s="23" t="s">
        <v>6</v>
      </c>
      <c r="C60" s="18">
        <v>9</v>
      </c>
      <c r="D60" s="11" t="s">
        <v>17</v>
      </c>
      <c r="E60" s="12">
        <v>6.6923611111111114</v>
      </c>
      <c r="F60" s="2"/>
      <c r="G60" s="13" t="s">
        <v>51</v>
      </c>
      <c r="H60" s="14" t="s">
        <v>51</v>
      </c>
      <c r="I60" s="2"/>
      <c r="J60" s="20" t="s">
        <v>56</v>
      </c>
      <c r="K60" s="2"/>
      <c r="L60" s="15" t="s">
        <v>51</v>
      </c>
    </row>
    <row r="61" spans="2:12" s="4" customFormat="1" ht="23" customHeight="1">
      <c r="B61" s="23"/>
      <c r="C61" s="18">
        <v>10</v>
      </c>
      <c r="D61" s="11" t="s">
        <v>15</v>
      </c>
      <c r="E61" s="12">
        <v>7.7236111111111105</v>
      </c>
      <c r="F61" s="2"/>
      <c r="G61" s="13" t="s">
        <v>51</v>
      </c>
      <c r="H61" s="14" t="s">
        <v>51</v>
      </c>
      <c r="I61" s="2"/>
      <c r="J61" s="20" t="s">
        <v>56</v>
      </c>
      <c r="K61" s="2"/>
      <c r="L61" s="15" t="s">
        <v>51</v>
      </c>
    </row>
    <row r="62" spans="2:12" s="4" customFormat="1" ht="23" customHeight="1">
      <c r="B62" s="23"/>
      <c r="C62" s="11">
        <v>19</v>
      </c>
      <c r="D62" s="11" t="s">
        <v>12</v>
      </c>
      <c r="E62" s="12">
        <v>0.58680555555555558</v>
      </c>
      <c r="F62" s="2"/>
      <c r="G62" s="13" t="s">
        <v>8</v>
      </c>
      <c r="H62" s="14" t="s">
        <v>48</v>
      </c>
      <c r="I62" s="2"/>
      <c r="J62" s="21" t="s">
        <v>51</v>
      </c>
      <c r="K62" s="2"/>
      <c r="L62" s="15" t="s">
        <v>51</v>
      </c>
    </row>
    <row r="63" spans="2:12" s="4" customFormat="1" ht="23" customHeight="1">
      <c r="B63" s="23"/>
      <c r="C63" s="11">
        <v>20</v>
      </c>
      <c r="D63" s="11" t="s">
        <v>13</v>
      </c>
      <c r="E63" s="12">
        <v>0.6166666666666667</v>
      </c>
      <c r="F63" s="2"/>
      <c r="G63" s="13" t="s">
        <v>8</v>
      </c>
      <c r="H63" s="14" t="s">
        <v>48</v>
      </c>
      <c r="I63" s="2"/>
      <c r="J63" s="21" t="s">
        <v>51</v>
      </c>
      <c r="K63" s="2"/>
      <c r="L63" s="15" t="s">
        <v>51</v>
      </c>
    </row>
    <row r="64" spans="2:12" s="4" customFormat="1">
      <c r="B64" s="2"/>
      <c r="C64" s="2"/>
      <c r="D64" s="2"/>
      <c r="E64" s="19"/>
      <c r="F64" s="2"/>
      <c r="H64" s="2"/>
      <c r="I64" s="2"/>
      <c r="K64" s="2"/>
      <c r="L64" s="2"/>
    </row>
  </sheetData>
  <mergeCells count="9">
    <mergeCell ref="B2:M2"/>
    <mergeCell ref="B3:M3"/>
    <mergeCell ref="B44:B54"/>
    <mergeCell ref="B60:B63"/>
    <mergeCell ref="B7:B9"/>
    <mergeCell ref="B22:B32"/>
    <mergeCell ref="B33:B43"/>
    <mergeCell ref="B55:B59"/>
    <mergeCell ref="B10:B21"/>
  </mergeCells>
  <phoneticPr fontId="1" type="noConversion"/>
  <pageMargins left="0.7" right="0.7" top="0.75" bottom="0.75" header="0.3" footer="0.3"/>
  <pageSetup paperSize="9" scale="52" fitToWidth="0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75E60E42-195C-47C7-9E39-8C6B7BF8C146}">
  <ds:schemaRefs/>
</ds:datastoreItem>
</file>

<file path=customXml/itemProps2.xml><?xml version="1.0" encoding="utf-8"?>
<ds:datastoreItem xmlns:ds="http://schemas.openxmlformats.org/officeDocument/2006/customXml" ds:itemID="{5DFA1199-02A2-461F-8066-D6962066D02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1</vt:i4>
      </vt:variant>
      <vt:variant>
        <vt:lpstr>Named Ranges</vt:lpstr>
      </vt:variant>
      <vt:variant>
        <vt:i4>1</vt:i4>
      </vt:variant>
    </vt:vector>
  </HeadingPairs>
  <TitlesOfParts>
    <vt:vector size="2" baseType="lpstr">
      <vt:lpstr>Summary</vt:lpstr>
      <vt:lpstr>Summary!Print_Area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Evans, Ed</dc:creator>
  <cp:lastModifiedBy>Kelvin Howlett</cp:lastModifiedBy>
  <cp:lastPrinted>2024-02-19T18:09:03Z</cp:lastPrinted>
  <dcterms:created xsi:type="dcterms:W3CDTF">2024-01-11T13:01:11Z</dcterms:created>
  <dcterms:modified xsi:type="dcterms:W3CDTF">2024-04-28T11:55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loittense</vt:lpwstr>
  </property>
  <property fmtid="{D5CDD505-2E9C-101B-9397-08002B2CF9AE}" pid="3" name="TemplafyTemplateId">
    <vt:lpwstr>638049558577128707</vt:lpwstr>
  </property>
  <property fmtid="{D5CDD505-2E9C-101B-9397-08002B2CF9AE}" pid="4" name="TemplafyUserProfileId">
    <vt:lpwstr>63824574117613529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MSIP_Label_ea60d57e-af5b-4752-ac57-3e4f28ca11dc_Enabled">
    <vt:lpwstr>true</vt:lpwstr>
  </property>
  <property fmtid="{D5CDD505-2E9C-101B-9397-08002B2CF9AE}" pid="8" name="MSIP_Label_ea60d57e-af5b-4752-ac57-3e4f28ca11dc_SetDate">
    <vt:lpwstr>2024-01-15T09:16:11Z</vt:lpwstr>
  </property>
  <property fmtid="{D5CDD505-2E9C-101B-9397-08002B2CF9AE}" pid="9" name="MSIP_Label_ea60d57e-af5b-4752-ac57-3e4f28ca11dc_Method">
    <vt:lpwstr>Standard</vt:lpwstr>
  </property>
  <property fmtid="{D5CDD505-2E9C-101B-9397-08002B2CF9AE}" pid="10" name="MSIP_Label_ea60d57e-af5b-4752-ac57-3e4f28ca11dc_Name">
    <vt:lpwstr>ea60d57e-af5b-4752-ac57-3e4f28ca11dc</vt:lpwstr>
  </property>
  <property fmtid="{D5CDD505-2E9C-101B-9397-08002B2CF9AE}" pid="11" name="MSIP_Label_ea60d57e-af5b-4752-ac57-3e4f28ca11dc_SiteId">
    <vt:lpwstr>36da45f1-dd2c-4d1f-af13-5abe46b99921</vt:lpwstr>
  </property>
  <property fmtid="{D5CDD505-2E9C-101B-9397-08002B2CF9AE}" pid="12" name="MSIP_Label_ea60d57e-af5b-4752-ac57-3e4f28ca11dc_ActionId">
    <vt:lpwstr>f69d26ab-41b9-4867-b8d5-49baac1547d5</vt:lpwstr>
  </property>
  <property fmtid="{D5CDD505-2E9C-101B-9397-08002B2CF9AE}" pid="13" name="MSIP_Label_ea60d57e-af5b-4752-ac57-3e4f28ca11dc_ContentBits">
    <vt:lpwstr>0</vt:lpwstr>
  </property>
</Properties>
</file>